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05_会議\02_バリアフリー街づくり推進県民会議\03_名簿等\第７期\任期中委員変更\R7.11_JR東日本\"/>
    </mc:Choice>
  </mc:AlternateContent>
  <xr:revisionPtr revIDLastSave="0" documentId="13_ncr:1_{D35D44B9-2DD7-441F-85BE-DD4C4185B565}" xr6:coauthVersionLast="47" xr6:coauthVersionMax="47" xr10:uidLastSave="{00000000-0000-0000-0000-000000000000}"/>
  <bookViews>
    <workbookView xWindow="-96" yWindow="0" windowWidth="11712" windowHeight="13776" xr2:uid="{00000000-000D-0000-FFFF-FFFF00000000}"/>
  </bookViews>
  <sheets>
    <sheet name="第七期委員候補者（氏名あり）" sheetId="2" r:id="rId1"/>
  </sheets>
  <definedNames>
    <definedName name="_xlnm.Print_Area" localSheetId="0">'第七期委員候補者（氏名あり）'!$A$1:$E$26</definedName>
  </definedNames>
  <calcPr calcId="162913"/>
</workbook>
</file>

<file path=xl/sharedStrings.xml><?xml version="1.0" encoding="utf-8"?>
<sst xmlns="http://schemas.openxmlformats.org/spreadsheetml/2006/main" count="78" uniqueCount="76">
  <si>
    <t>NO</t>
  </si>
  <si>
    <t>分　　　野</t>
    <phoneticPr fontId="4"/>
  </si>
  <si>
    <t>団　体　等　名</t>
    <phoneticPr fontId="4"/>
  </si>
  <si>
    <t>建築計画</t>
  </si>
  <si>
    <t>大原　一興</t>
    <rPh sb="0" eb="1">
      <t>ダイ</t>
    </rPh>
    <rPh sb="1" eb="2">
      <t>ハラ</t>
    </rPh>
    <rPh sb="3" eb="4">
      <t>イチ</t>
    </rPh>
    <rPh sb="4" eb="5">
      <t>オキ</t>
    </rPh>
    <phoneticPr fontId="4"/>
  </si>
  <si>
    <t>ユニバーサルデザイン</t>
    <phoneticPr fontId="4"/>
  </si>
  <si>
    <t>障害者等団体
（７名）</t>
    <rPh sb="0" eb="3">
      <t>ショウガイシャ</t>
    </rPh>
    <rPh sb="3" eb="4">
      <t>トウ</t>
    </rPh>
    <rPh sb="4" eb="6">
      <t>ダンタイ</t>
    </rPh>
    <rPh sb="9" eb="10">
      <t>メイ</t>
    </rPh>
    <phoneticPr fontId="4"/>
  </si>
  <si>
    <t>身体障害者団体</t>
  </si>
  <si>
    <t>障害当事者支援団体</t>
    <rPh sb="2" eb="5">
      <t>トウジシャ</t>
    </rPh>
    <rPh sb="5" eb="7">
      <t>シエン</t>
    </rPh>
    <rPh sb="7" eb="9">
      <t>ダンタイ</t>
    </rPh>
    <phoneticPr fontId="4"/>
  </si>
  <si>
    <t>視覚障害者団体</t>
    <rPh sb="0" eb="2">
      <t>シカク</t>
    </rPh>
    <rPh sb="4" eb="5">
      <t>シャ</t>
    </rPh>
    <rPh sb="5" eb="7">
      <t>ダンタイ</t>
    </rPh>
    <phoneticPr fontId="4"/>
  </si>
  <si>
    <t>鈴木　孝幸</t>
    <rPh sb="0" eb="2">
      <t>スズキ</t>
    </rPh>
    <rPh sb="3" eb="5">
      <t>タカユキ</t>
    </rPh>
    <phoneticPr fontId="4"/>
  </si>
  <si>
    <t>NPO法人神奈川県視覚障害者福祉協会理事長</t>
    <rPh sb="3" eb="5">
      <t>ホウジン</t>
    </rPh>
    <rPh sb="18" eb="21">
      <t>リジチョウ</t>
    </rPh>
    <phoneticPr fontId="4"/>
  </si>
  <si>
    <t>聴覚障害者団体</t>
    <rPh sb="0" eb="2">
      <t>チョウカク</t>
    </rPh>
    <rPh sb="4" eb="5">
      <t>シャ</t>
    </rPh>
    <rPh sb="5" eb="7">
      <t>ダンタイ</t>
    </rPh>
    <phoneticPr fontId="4"/>
  </si>
  <si>
    <t>知的障害者団体</t>
  </si>
  <si>
    <t>高齢者団体</t>
  </si>
  <si>
    <t>子育て支援団体</t>
    <rPh sb="0" eb="2">
      <t>コソダ</t>
    </rPh>
    <rPh sb="3" eb="5">
      <t>シエン</t>
    </rPh>
    <rPh sb="5" eb="7">
      <t>ダンタイ</t>
    </rPh>
    <phoneticPr fontId="4"/>
  </si>
  <si>
    <t>吉富　多美</t>
    <rPh sb="0" eb="2">
      <t>ヨシトミ</t>
    </rPh>
    <rPh sb="3" eb="5">
      <t>タミ</t>
    </rPh>
    <phoneticPr fontId="4"/>
  </si>
  <si>
    <t>関係団体等
（３名）</t>
    <rPh sb="0" eb="2">
      <t>カンケイ</t>
    </rPh>
    <rPh sb="4" eb="5">
      <t>トウ</t>
    </rPh>
    <rPh sb="8" eb="9">
      <t>メイ</t>
    </rPh>
    <phoneticPr fontId="4"/>
  </si>
  <si>
    <t>社会福祉</t>
  </si>
  <si>
    <t>建築設計</t>
  </si>
  <si>
    <t>建築・都市計画</t>
  </si>
  <si>
    <t>事業者
（８名）</t>
    <rPh sb="6" eb="7">
      <t>メイ</t>
    </rPh>
    <phoneticPr fontId="4"/>
  </si>
  <si>
    <t>鉄道</t>
  </si>
  <si>
    <t>(一社)日本民営鉄道協会運輸調整部長</t>
    <rPh sb="1" eb="2">
      <t>イチ</t>
    </rPh>
    <rPh sb="12" eb="14">
      <t>ウンユ</t>
    </rPh>
    <rPh sb="14" eb="16">
      <t>チョウセイ</t>
    </rPh>
    <rPh sb="16" eb="18">
      <t>ブチョウ</t>
    </rPh>
    <phoneticPr fontId="4"/>
  </si>
  <si>
    <t>バス</t>
  </si>
  <si>
    <t>(一社)神奈川県バス協会常務理事</t>
    <rPh sb="1" eb="2">
      <t>イチ</t>
    </rPh>
    <rPh sb="12" eb="14">
      <t>ジョウム</t>
    </rPh>
    <rPh sb="14" eb="16">
      <t>リジ</t>
    </rPh>
    <phoneticPr fontId="4"/>
  </si>
  <si>
    <t>タクシー</t>
  </si>
  <si>
    <t>商工団体</t>
    <rPh sb="0" eb="2">
      <t>ショウコウ</t>
    </rPh>
    <rPh sb="2" eb="4">
      <t>ダンタイ</t>
    </rPh>
    <phoneticPr fontId="4"/>
  </si>
  <si>
    <t>石川　清貴</t>
    <rPh sb="0" eb="2">
      <t>イシカワ</t>
    </rPh>
    <rPh sb="3" eb="5">
      <t>キヨタカ</t>
    </rPh>
    <phoneticPr fontId="4"/>
  </si>
  <si>
    <t>(公社)商連かながわ副会長</t>
    <rPh sb="1" eb="2">
      <t>コウ</t>
    </rPh>
    <rPh sb="4" eb="5">
      <t>ショウ</t>
    </rPh>
    <rPh sb="5" eb="6">
      <t>レン</t>
    </rPh>
    <rPh sb="10" eb="13">
      <t>フクカイチョウ</t>
    </rPh>
    <phoneticPr fontId="4"/>
  </si>
  <si>
    <t>スーパー等</t>
    <rPh sb="4" eb="5">
      <t>トウ</t>
    </rPh>
    <phoneticPr fontId="4"/>
  </si>
  <si>
    <t>旅館</t>
  </si>
  <si>
    <t>公募委員
（２名）</t>
    <rPh sb="0" eb="2">
      <t>コウボ</t>
    </rPh>
    <rPh sb="2" eb="4">
      <t>イイン</t>
    </rPh>
    <rPh sb="7" eb="8">
      <t>メイ</t>
    </rPh>
    <phoneticPr fontId="4"/>
  </si>
  <si>
    <t>公募委員</t>
    <rPh sb="0" eb="2">
      <t>コウボ</t>
    </rPh>
    <rPh sb="2" eb="4">
      <t>イイン</t>
    </rPh>
    <phoneticPr fontId="4"/>
  </si>
  <si>
    <t>―</t>
    <phoneticPr fontId="4"/>
  </si>
  <si>
    <t>氏　　名</t>
    <phoneticPr fontId="4"/>
  </si>
  <si>
    <t>障害児（者）心理学</t>
    <rPh sb="0" eb="3">
      <t>ショウガイジ</t>
    </rPh>
    <rPh sb="4" eb="5">
      <t>シャ</t>
    </rPh>
    <rPh sb="6" eb="9">
      <t>シンリガク</t>
    </rPh>
    <phoneticPr fontId="4"/>
  </si>
  <si>
    <t>中野　泰志</t>
    <rPh sb="0" eb="2">
      <t>ナカノ</t>
    </rPh>
    <rPh sb="3" eb="5">
      <t>ヤスシ</t>
    </rPh>
    <phoneticPr fontId="3"/>
  </si>
  <si>
    <t>慶應義塾大学経済学部教授</t>
    <rPh sb="0" eb="2">
      <t>ケイオウ</t>
    </rPh>
    <rPh sb="2" eb="4">
      <t>ギジュク</t>
    </rPh>
    <rPh sb="4" eb="6">
      <t>ダイガク</t>
    </rPh>
    <rPh sb="6" eb="8">
      <t>ケイザイ</t>
    </rPh>
    <rPh sb="8" eb="10">
      <t>ガクブ</t>
    </rPh>
    <rPh sb="10" eb="12">
      <t>キョウジュ</t>
    </rPh>
    <phoneticPr fontId="3"/>
  </si>
  <si>
    <t>(公財)神奈川県老人クラブ連合会事務局長</t>
    <rPh sb="1" eb="2">
      <t>コウ</t>
    </rPh>
    <rPh sb="16" eb="18">
      <t>ジム</t>
    </rPh>
    <rPh sb="17" eb="18">
      <t>リジ</t>
    </rPh>
    <rPh sb="18" eb="20">
      <t>キョクチョウ</t>
    </rPh>
    <phoneticPr fontId="4"/>
  </si>
  <si>
    <t>神奈川県生活衛生営業指導センター専務理事</t>
    <rPh sb="4" eb="6">
      <t>セイカツ</t>
    </rPh>
    <rPh sb="6" eb="8">
      <t>エイセイ</t>
    </rPh>
    <rPh sb="8" eb="10">
      <t>エイギョウ</t>
    </rPh>
    <rPh sb="10" eb="12">
      <t>シドウ</t>
    </rPh>
    <rPh sb="16" eb="18">
      <t>センム</t>
    </rPh>
    <rPh sb="18" eb="20">
      <t>リジ</t>
    </rPh>
    <phoneticPr fontId="4"/>
  </si>
  <si>
    <t>生活衛生</t>
    <rPh sb="0" eb="2">
      <t>セイカツ</t>
    </rPh>
    <rPh sb="2" eb="4">
      <t>エイセイ</t>
    </rPh>
    <phoneticPr fontId="3"/>
  </si>
  <si>
    <t>小山　遊子</t>
    <phoneticPr fontId="4"/>
  </si>
  <si>
    <t>小堤　健司</t>
    <phoneticPr fontId="4"/>
  </si>
  <si>
    <t>三上　弘良</t>
    <rPh sb="0" eb="2">
      <t>ミカミ</t>
    </rPh>
    <rPh sb="3" eb="4">
      <t>ヒロシ</t>
    </rPh>
    <rPh sb="4" eb="5">
      <t>リョウ</t>
    </rPh>
    <phoneticPr fontId="4"/>
  </si>
  <si>
    <t>関根　千佳</t>
    <rPh sb="0" eb="2">
      <t>セキネ</t>
    </rPh>
    <rPh sb="3" eb="5">
      <t>チカ</t>
    </rPh>
    <phoneticPr fontId="4"/>
  </si>
  <si>
    <t>下田　栄次</t>
    <rPh sb="0" eb="2">
      <t>シモダ</t>
    </rPh>
    <rPh sb="3" eb="4">
      <t>サカエ</t>
    </rPh>
    <rPh sb="4" eb="5">
      <t>ツギ</t>
    </rPh>
    <phoneticPr fontId="3"/>
  </si>
  <si>
    <t>和久井　真糸</t>
    <rPh sb="0" eb="3">
      <t>ワクイ</t>
    </rPh>
    <rPh sb="4" eb="5">
      <t>マ</t>
    </rPh>
    <rPh sb="5" eb="6">
      <t>イト</t>
    </rPh>
    <phoneticPr fontId="3"/>
  </si>
  <si>
    <t>認定NPO法人神奈川子ども未来ファンド副理事長</t>
    <rPh sb="0" eb="2">
      <t>ニンテイ</t>
    </rPh>
    <rPh sb="5" eb="7">
      <t>ホウジン</t>
    </rPh>
    <rPh sb="7" eb="10">
      <t>カナガワ</t>
    </rPh>
    <rPh sb="10" eb="11">
      <t>コ</t>
    </rPh>
    <rPh sb="13" eb="15">
      <t>ミライ</t>
    </rPh>
    <rPh sb="19" eb="20">
      <t>フク</t>
    </rPh>
    <rPh sb="20" eb="22">
      <t>リジ</t>
    </rPh>
    <rPh sb="22" eb="23">
      <t>チョウ</t>
    </rPh>
    <phoneticPr fontId="4"/>
  </si>
  <si>
    <t>(一社)神奈川県タクシー協会専務理事</t>
    <rPh sb="1" eb="2">
      <t>イチ</t>
    </rPh>
    <rPh sb="14" eb="16">
      <t>センム</t>
    </rPh>
    <rPh sb="16" eb="18">
      <t>リジ</t>
    </rPh>
    <phoneticPr fontId="4"/>
  </si>
  <si>
    <t>福地　賢一</t>
    <rPh sb="0" eb="2">
      <t>フクチ</t>
    </rPh>
    <rPh sb="3" eb="5">
      <t>ケンイチ</t>
    </rPh>
    <phoneticPr fontId="4"/>
  </si>
  <si>
    <t>大部　さつき</t>
    <rPh sb="0" eb="2">
      <t>オオベ</t>
    </rPh>
    <phoneticPr fontId="4"/>
  </si>
  <si>
    <t>川口　將明</t>
    <rPh sb="0" eb="2">
      <t>カワグチ</t>
    </rPh>
    <rPh sb="3" eb="4">
      <t>マサ</t>
    </rPh>
    <rPh sb="4" eb="5">
      <t>アカ</t>
    </rPh>
    <phoneticPr fontId="4"/>
  </si>
  <si>
    <t>加藤　紳一</t>
    <rPh sb="0" eb="2">
      <t>カトウ</t>
    </rPh>
    <rPh sb="3" eb="5">
      <t>シンイチ</t>
    </rPh>
    <phoneticPr fontId="4"/>
  </si>
  <si>
    <t>猿渡　達明</t>
    <rPh sb="0" eb="2">
      <t>サルワタリ</t>
    </rPh>
    <rPh sb="3" eb="5">
      <t>タツアキ</t>
    </rPh>
    <phoneticPr fontId="3"/>
  </si>
  <si>
    <t>NPO法人神奈川県障害者自立生活支援センター ピア・カウンセラー</t>
    <rPh sb="3" eb="5">
      <t>ホウジン</t>
    </rPh>
    <phoneticPr fontId="4"/>
  </si>
  <si>
    <t>河原　雅浩</t>
    <phoneticPr fontId="4"/>
  </si>
  <si>
    <t>(公社)神奈川県聴覚障害者協会事務局長</t>
    <rPh sb="1" eb="2">
      <t>コウ</t>
    </rPh>
    <rPh sb="7" eb="8">
      <t>ケン</t>
    </rPh>
    <rPh sb="15" eb="17">
      <t>ジム</t>
    </rPh>
    <rPh sb="17" eb="19">
      <t>キョクチョウ</t>
    </rPh>
    <phoneticPr fontId="4"/>
  </si>
  <si>
    <t>神奈川県バリアフリー街づくり推進県民会議　第七期委員一覧</t>
    <rPh sb="0" eb="4">
      <t>カナガワケン</t>
    </rPh>
    <rPh sb="10" eb="11">
      <t>マチ</t>
    </rPh>
    <rPh sb="14" eb="16">
      <t>スイシン</t>
    </rPh>
    <rPh sb="16" eb="18">
      <t>ケンミン</t>
    </rPh>
    <rPh sb="18" eb="20">
      <t>カイギ</t>
    </rPh>
    <rPh sb="21" eb="22">
      <t>ダイ</t>
    </rPh>
    <rPh sb="22" eb="23">
      <t>７</t>
    </rPh>
    <rPh sb="23" eb="24">
      <t>キ</t>
    </rPh>
    <rPh sb="24" eb="26">
      <t>イイン</t>
    </rPh>
    <rPh sb="26" eb="28">
      <t>イチラン</t>
    </rPh>
    <phoneticPr fontId="4"/>
  </si>
  <si>
    <t>株式会社ユーディット会長
放送大学・美作大学客員教授</t>
    <phoneticPr fontId="3"/>
  </si>
  <si>
    <t>相原　貞雄</t>
    <rPh sb="0" eb="2">
      <t>アイハラ</t>
    </rPh>
    <rPh sb="3" eb="5">
      <t>サダオ</t>
    </rPh>
    <phoneticPr fontId="3"/>
  </si>
  <si>
    <t>寺島　隆之</t>
    <rPh sb="0" eb="2">
      <t>テラシマ</t>
    </rPh>
    <rPh sb="3" eb="5">
      <t>タカユキ</t>
    </rPh>
    <phoneticPr fontId="4"/>
  </si>
  <si>
    <t>(福)神奈川県社会福祉協議会地域福祉部長</t>
    <phoneticPr fontId="4"/>
  </si>
  <si>
    <t>畠　宏好</t>
    <rPh sb="0" eb="1">
      <t>ハタ</t>
    </rPh>
    <rPh sb="2" eb="3">
      <t>ヒロシ</t>
    </rPh>
    <rPh sb="3" eb="4">
      <t>ヨシミ</t>
    </rPh>
    <phoneticPr fontId="4"/>
  </si>
  <si>
    <t>(一社)神奈川県建築士会 建築スキル貢献委員会委員長</t>
    <rPh sb="1" eb="2">
      <t>イチ</t>
    </rPh>
    <rPh sb="13" eb="15">
      <t>ケンチク</t>
    </rPh>
    <rPh sb="18" eb="20">
      <t>コウケン</t>
    </rPh>
    <rPh sb="20" eb="23">
      <t>イインカイ</t>
    </rPh>
    <rPh sb="23" eb="26">
      <t>イインチョウ</t>
    </rPh>
    <phoneticPr fontId="4"/>
  </si>
  <si>
    <t>三瓶　和泉</t>
    <rPh sb="0" eb="2">
      <t>サンペイ</t>
    </rPh>
    <rPh sb="3" eb="5">
      <t>イズミ</t>
    </rPh>
    <phoneticPr fontId="4"/>
  </si>
  <si>
    <t>(公社)かながわ住まいまちづくり協会総務課長</t>
    <rPh sb="1" eb="2">
      <t>コウ</t>
    </rPh>
    <rPh sb="18" eb="20">
      <t>ソウム</t>
    </rPh>
    <rPh sb="20" eb="22">
      <t>カチョウ</t>
    </rPh>
    <phoneticPr fontId="4"/>
  </si>
  <si>
    <t>学識経験者･
有識者
(３名)</t>
    <rPh sb="0" eb="2">
      <t>ガクシキ</t>
    </rPh>
    <rPh sb="2" eb="5">
      <t>ケイケンシャ</t>
    </rPh>
    <rPh sb="7" eb="10">
      <t>ユウシキシャ</t>
    </rPh>
    <rPh sb="13" eb="14">
      <t>メイ</t>
    </rPh>
    <phoneticPr fontId="4"/>
  </si>
  <si>
    <t>日本チェーンストア協会関東支部
サステナビリティ推進部総括マネジャー</t>
    <rPh sb="0" eb="2">
      <t>ニホン</t>
    </rPh>
    <rPh sb="9" eb="11">
      <t>キョウカイ</t>
    </rPh>
    <rPh sb="11" eb="13">
      <t>カントウ</t>
    </rPh>
    <rPh sb="13" eb="15">
      <t>シブ</t>
    </rPh>
    <rPh sb="24" eb="27">
      <t>スイシンブ</t>
    </rPh>
    <rPh sb="27" eb="29">
      <t>ソウカツ</t>
    </rPh>
    <phoneticPr fontId="4"/>
  </si>
  <si>
    <t>神奈川県旅館ホテル生活衛生同業組合
専務理事</t>
    <rPh sb="18" eb="22">
      <t>センムリジ</t>
    </rPh>
    <phoneticPr fontId="4"/>
  </si>
  <si>
    <t>神奈川県手をつなぐ育成会常任理事</t>
    <rPh sb="12" eb="14">
      <t>ジョウニン</t>
    </rPh>
    <rPh sb="14" eb="16">
      <t>リジ</t>
    </rPh>
    <phoneticPr fontId="4"/>
  </si>
  <si>
    <t>横浜国立大学名誉教授</t>
    <rPh sb="0" eb="2">
      <t>ヨコハマ</t>
    </rPh>
    <rPh sb="2" eb="3">
      <t>クニ</t>
    </rPh>
    <rPh sb="3" eb="4">
      <t>シリツ</t>
    </rPh>
    <rPh sb="4" eb="6">
      <t>ダイガク</t>
    </rPh>
    <rPh sb="6" eb="8">
      <t>メイヨ</t>
    </rPh>
    <rPh sb="8" eb="10">
      <t>キョウジュ</t>
    </rPh>
    <phoneticPr fontId="4"/>
  </si>
  <si>
    <t>栗原　明宏</t>
    <phoneticPr fontId="4"/>
  </si>
  <si>
    <t>(公財)神奈川県身体障害者連合会</t>
    <phoneticPr fontId="4"/>
  </si>
  <si>
    <t>東日本旅客鉄道（株）横浜支社 企画総務部経営戦略ユニット担当課長</t>
    <rPh sb="15" eb="17">
      <t>キカク</t>
    </rPh>
    <rPh sb="17" eb="19">
      <t>ソウム</t>
    </rPh>
    <rPh sb="19" eb="20">
      <t>ブ</t>
    </rPh>
    <rPh sb="20" eb="22">
      <t>ケイエイ</t>
    </rPh>
    <rPh sb="22" eb="24">
      <t>センリャク</t>
    </rPh>
    <rPh sb="28" eb="30">
      <t>タントウ</t>
    </rPh>
    <rPh sb="30" eb="32">
      <t>カチョウ</t>
    </rPh>
    <phoneticPr fontId="4"/>
  </si>
  <si>
    <t>国分 宏樹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%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2"/>
      <name val="ＭＳ Ｐ明朝"/>
      <family val="1"/>
      <charset val="128"/>
    </font>
    <font>
      <u/>
      <sz val="11"/>
      <color indexed="12"/>
      <name val="ＭＳ Ｐゴシック"/>
      <family val="3"/>
      <charset val="128"/>
    </font>
    <font>
      <u/>
      <sz val="12"/>
      <color indexed="12"/>
      <name val="ＭＳ Ｐゴシック"/>
      <family val="3"/>
      <charset val="128"/>
    </font>
    <font>
      <i/>
      <sz val="12"/>
      <name val="ＭＳ Ｐ明朝"/>
      <family val="1"/>
      <charset val="128"/>
    </font>
    <font>
      <sz val="12"/>
      <color indexed="12"/>
      <name val="ＭＳ Ｐゴシック"/>
      <family val="3"/>
      <charset val="128"/>
    </font>
    <font>
      <sz val="14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4">
    <xf numFmtId="0" fontId="0" fillId="0" borderId="0"/>
    <xf numFmtId="0" fontId="1" fillId="0" borderId="0"/>
    <xf numFmtId="0" fontId="1" fillId="0" borderId="0"/>
    <xf numFmtId="0" fontId="9" fillId="0" borderId="0" applyNumberFormat="0" applyFill="0" applyBorder="0" applyAlignment="0" applyProtection="0">
      <alignment vertical="top"/>
      <protection locked="0"/>
    </xf>
  </cellStyleXfs>
  <cellXfs count="57">
    <xf numFmtId="0" fontId="0" fillId="0" borderId="0" xfId="0"/>
    <xf numFmtId="0" fontId="2" fillId="0" borderId="1" xfId="1" applyFont="1" applyFill="1" applyBorder="1" applyAlignment="1">
      <alignment vertical="center"/>
    </xf>
    <xf numFmtId="0" fontId="6" fillId="0" borderId="0" xfId="1" applyFont="1" applyFill="1" applyBorder="1" applyAlignment="1">
      <alignment vertical="center"/>
    </xf>
    <xf numFmtId="0" fontId="6" fillId="0" borderId="0" xfId="1" applyFont="1" applyFill="1" applyBorder="1" applyAlignment="1">
      <alignment vertical="center" shrinkToFit="1"/>
    </xf>
    <xf numFmtId="0" fontId="6" fillId="0" borderId="0" xfId="1" applyFont="1" applyFill="1" applyAlignment="1">
      <alignment vertical="center"/>
    </xf>
    <xf numFmtId="0" fontId="7" fillId="0" borderId="0" xfId="1" applyFont="1" applyFill="1" applyBorder="1" applyAlignment="1">
      <alignment horizontal="center" vertical="center" shrinkToFit="1"/>
    </xf>
    <xf numFmtId="0" fontId="7" fillId="0" borderId="0" xfId="1" applyFont="1" applyFill="1" applyBorder="1" applyAlignment="1">
      <alignment horizontal="center" vertical="center"/>
    </xf>
    <xf numFmtId="0" fontId="7" fillId="0" borderId="0" xfId="1" applyFont="1" applyFill="1" applyBorder="1" applyAlignment="1">
      <alignment vertical="center"/>
    </xf>
    <xf numFmtId="0" fontId="7" fillId="0" borderId="0" xfId="1" applyFont="1" applyFill="1" applyAlignment="1">
      <alignment vertical="center"/>
    </xf>
    <xf numFmtId="0" fontId="8" fillId="0" borderId="0" xfId="1" applyFont="1" applyFill="1" applyBorder="1" applyAlignment="1">
      <alignment horizontal="center" vertical="center"/>
    </xf>
    <xf numFmtId="0" fontId="10" fillId="0" borderId="0" xfId="3" applyFont="1" applyFill="1" applyBorder="1" applyAlignment="1" applyProtection="1">
      <alignment vertical="center" shrinkToFit="1"/>
    </xf>
    <xf numFmtId="0" fontId="11" fillId="0" borderId="0" xfId="1" applyFont="1" applyFill="1" applyBorder="1" applyAlignment="1">
      <alignment horizontal="center" vertical="center"/>
    </xf>
    <xf numFmtId="0" fontId="10" fillId="0" borderId="0" xfId="3" applyFont="1" applyFill="1" applyBorder="1" applyAlignment="1" applyProtection="1">
      <alignment vertical="center"/>
    </xf>
    <xf numFmtId="0" fontId="7" fillId="0" borderId="0" xfId="1" applyFont="1" applyFill="1" applyBorder="1" applyAlignment="1">
      <alignment vertical="center" wrapText="1"/>
    </xf>
    <xf numFmtId="0" fontId="8" fillId="0" borderId="0" xfId="1" applyFont="1" applyFill="1" applyBorder="1" applyAlignment="1">
      <alignment horizontal="center" vertical="center" wrapText="1"/>
    </xf>
    <xf numFmtId="0" fontId="8" fillId="0" borderId="0" xfId="2" applyFont="1" applyFill="1" applyBorder="1" applyAlignment="1">
      <alignment horizontal="center" vertical="center" shrinkToFit="1"/>
    </xf>
    <xf numFmtId="0" fontId="11" fillId="0" borderId="0" xfId="1" applyFont="1" applyFill="1" applyBorder="1" applyAlignment="1">
      <alignment horizontal="center" vertical="center" shrinkToFit="1"/>
    </xf>
    <xf numFmtId="0" fontId="12" fillId="0" borderId="0" xfId="3" applyFont="1" applyFill="1" applyBorder="1" applyAlignment="1" applyProtection="1">
      <alignment vertical="center" shrinkToFit="1"/>
    </xf>
    <xf numFmtId="0" fontId="7" fillId="0" borderId="0" xfId="2" applyFont="1" applyFill="1" applyBorder="1" applyAlignment="1">
      <alignment horizontal="center" vertical="center" shrinkToFit="1"/>
    </xf>
    <xf numFmtId="0" fontId="6" fillId="0" borderId="0" xfId="1" applyFont="1" applyFill="1" applyAlignment="1">
      <alignment horizontal="left" vertical="center" shrinkToFit="1"/>
    </xf>
    <xf numFmtId="0" fontId="5" fillId="0" borderId="0" xfId="1" applyFont="1" applyFill="1" applyAlignment="1">
      <alignment vertical="center"/>
    </xf>
    <xf numFmtId="0" fontId="7" fillId="0" borderId="0" xfId="1" applyFont="1" applyFill="1" applyAlignment="1">
      <alignment vertical="center" shrinkToFit="1"/>
    </xf>
    <xf numFmtId="0" fontId="6" fillId="0" borderId="0" xfId="1" applyFont="1" applyFill="1" applyAlignment="1">
      <alignment vertical="center" shrinkToFit="1"/>
    </xf>
    <xf numFmtId="0" fontId="6" fillId="0" borderId="0" xfId="1" applyFont="1" applyFill="1" applyAlignment="1">
      <alignment horizontal="center" vertical="center" shrinkToFit="1"/>
    </xf>
    <xf numFmtId="176" fontId="6" fillId="0" borderId="0" xfId="1" applyNumberFormat="1" applyFont="1" applyFill="1" applyBorder="1" applyAlignment="1">
      <alignment horizontal="left" vertical="center"/>
    </xf>
    <xf numFmtId="0" fontId="6" fillId="0" borderId="0" xfId="1" applyFont="1" applyFill="1" applyAlignment="1">
      <alignment vertical="center" wrapText="1"/>
    </xf>
    <xf numFmtId="0" fontId="6" fillId="0" borderId="0" xfId="1" applyFont="1" applyFill="1" applyAlignment="1">
      <alignment horizontal="left" vertical="top" shrinkToFit="1"/>
    </xf>
    <xf numFmtId="0" fontId="13" fillId="0" borderId="2" xfId="2" applyFont="1" applyFill="1" applyBorder="1" applyAlignment="1">
      <alignment horizontal="center" vertical="center" shrinkToFit="1"/>
    </xf>
    <xf numFmtId="0" fontId="13" fillId="0" borderId="5" xfId="2" applyFont="1" applyFill="1" applyBorder="1" applyAlignment="1">
      <alignment horizontal="center" vertical="center" shrinkToFit="1"/>
    </xf>
    <xf numFmtId="0" fontId="13" fillId="0" borderId="2" xfId="2" applyFont="1" applyFill="1" applyBorder="1" applyAlignment="1">
      <alignment horizontal="right" vertical="center" shrinkToFit="1"/>
    </xf>
    <xf numFmtId="0" fontId="13" fillId="0" borderId="3" xfId="2" applyFont="1" applyFill="1" applyBorder="1" applyAlignment="1">
      <alignment vertical="center" shrinkToFit="1"/>
    </xf>
    <xf numFmtId="0" fontId="13" fillId="0" borderId="2" xfId="2" applyFont="1" applyFill="1" applyBorder="1" applyAlignment="1">
      <alignment vertical="center" wrapText="1" shrinkToFit="1"/>
    </xf>
    <xf numFmtId="0" fontId="13" fillId="0" borderId="3" xfId="2" applyFont="1" applyFill="1" applyBorder="1" applyAlignment="1">
      <alignment horizontal="left" vertical="center" shrinkToFit="1"/>
    </xf>
    <xf numFmtId="0" fontId="13" fillId="0" borderId="6" xfId="2" applyFont="1" applyFill="1" applyBorder="1" applyAlignment="1">
      <alignment horizontal="left" vertical="center" shrinkToFit="1"/>
    </xf>
    <xf numFmtId="0" fontId="13" fillId="0" borderId="2" xfId="2" applyFont="1" applyFill="1" applyBorder="1" applyAlignment="1">
      <alignment horizontal="left" vertical="center" shrinkToFit="1"/>
    </xf>
    <xf numFmtId="0" fontId="13" fillId="0" borderId="9" xfId="2" applyFont="1" applyFill="1" applyBorder="1" applyAlignment="1">
      <alignment vertical="center" shrinkToFit="1"/>
    </xf>
    <xf numFmtId="0" fontId="13" fillId="0" borderId="10" xfId="2" applyFont="1" applyFill="1" applyBorder="1" applyAlignment="1">
      <alignment vertical="center" shrinkToFit="1"/>
    </xf>
    <xf numFmtId="0" fontId="13" fillId="2" borderId="5" xfId="2" applyFont="1" applyFill="1" applyBorder="1" applyAlignment="1">
      <alignment vertical="center" shrinkToFit="1"/>
    </xf>
    <xf numFmtId="0" fontId="13" fillId="0" borderId="2" xfId="2" applyFont="1" applyFill="1" applyBorder="1" applyAlignment="1">
      <alignment horizontal="distributed" vertical="center" indent="1" shrinkToFit="1"/>
    </xf>
    <xf numFmtId="0" fontId="13" fillId="0" borderId="5" xfId="2" applyFont="1" applyFill="1" applyBorder="1" applyAlignment="1">
      <alignment horizontal="distributed" vertical="center" indent="1" shrinkToFit="1"/>
    </xf>
    <xf numFmtId="0" fontId="13" fillId="0" borderId="7" xfId="2" applyFont="1" applyFill="1" applyBorder="1" applyAlignment="1">
      <alignment horizontal="distributed" vertical="center" indent="1" shrinkToFit="1"/>
    </xf>
    <xf numFmtId="0" fontId="13" fillId="0" borderId="8" xfId="2" applyFont="1" applyFill="1" applyBorder="1" applyAlignment="1">
      <alignment horizontal="center" vertical="center" shrinkToFit="1"/>
    </xf>
    <xf numFmtId="0" fontId="0" fillId="0" borderId="1" xfId="0" applyFont="1" applyBorder="1" applyAlignment="1">
      <alignment vertical="center"/>
    </xf>
    <xf numFmtId="0" fontId="13" fillId="2" borderId="8" xfId="2" applyFont="1" applyFill="1" applyBorder="1" applyAlignment="1">
      <alignment vertical="center" wrapText="1" shrinkToFit="1"/>
    </xf>
    <xf numFmtId="0" fontId="13" fillId="2" borderId="2" xfId="2" applyFont="1" applyFill="1" applyBorder="1" applyAlignment="1">
      <alignment vertical="center" wrapText="1" shrinkToFit="1"/>
    </xf>
    <xf numFmtId="0" fontId="13" fillId="0" borderId="5" xfId="0" applyFont="1" applyBorder="1" applyAlignment="1">
      <alignment vertical="center" wrapText="1"/>
    </xf>
    <xf numFmtId="0" fontId="13" fillId="0" borderId="8" xfId="0" applyFont="1" applyBorder="1" applyAlignment="1">
      <alignment vertical="center" wrapText="1"/>
    </xf>
    <xf numFmtId="0" fontId="7" fillId="0" borderId="0" xfId="1" applyFont="1" applyFill="1" applyAlignment="1">
      <alignment horizontal="left" vertical="center" wrapText="1"/>
    </xf>
    <xf numFmtId="0" fontId="13" fillId="0" borderId="3" xfId="2" applyFont="1" applyFill="1" applyBorder="1" applyAlignment="1">
      <alignment horizontal="center" vertical="center" shrinkToFit="1"/>
    </xf>
    <xf numFmtId="0" fontId="13" fillId="0" borderId="4" xfId="2" applyFont="1" applyFill="1" applyBorder="1" applyAlignment="1">
      <alignment horizontal="center" vertical="center" shrinkToFit="1"/>
    </xf>
    <xf numFmtId="0" fontId="13" fillId="0" borderId="7" xfId="0" applyFont="1" applyBorder="1" applyAlignment="1">
      <alignment vertical="center"/>
    </xf>
    <xf numFmtId="0" fontId="13" fillId="0" borderId="5" xfId="2" applyFont="1" applyFill="1" applyBorder="1" applyAlignment="1">
      <alignment horizontal="left" vertical="center" wrapText="1"/>
    </xf>
    <xf numFmtId="0" fontId="13" fillId="0" borderId="7" xfId="2" applyFont="1" applyFill="1" applyBorder="1" applyAlignment="1">
      <alignment horizontal="left" vertical="center" wrapText="1"/>
    </xf>
    <xf numFmtId="0" fontId="13" fillId="0" borderId="7" xfId="0" applyFont="1" applyBorder="1" applyAlignment="1">
      <alignment vertical="center" wrapText="1"/>
    </xf>
    <xf numFmtId="0" fontId="13" fillId="0" borderId="8" xfId="0" applyFont="1" applyBorder="1" applyAlignment="1">
      <alignment vertical="center"/>
    </xf>
    <xf numFmtId="0" fontId="13" fillId="0" borderId="5" xfId="2" applyFont="1" applyFill="1" applyBorder="1" applyAlignment="1">
      <alignment horizontal="left" vertical="center" shrinkToFit="1"/>
    </xf>
    <xf numFmtId="0" fontId="13" fillId="0" borderId="8" xfId="2" applyFont="1" applyFill="1" applyBorder="1" applyAlignment="1">
      <alignment horizontal="left" vertical="center" shrinkToFit="1"/>
    </xf>
  </cellXfs>
  <cellStyles count="4">
    <cellStyle name="ハイパーリンク" xfId="3" builtinId="8"/>
    <cellStyle name="標準" xfId="0" builtinId="0"/>
    <cellStyle name="標準_H12推進協議会" xfId="1" xr:uid="{00000000-0005-0000-0000-000002000000}"/>
    <cellStyle name="標準_H12推進協議会_構成一覧_070803構成員一覧（H19・修正版）" xfId="2" xr:uid="{00000000-0005-0000-0000-000003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0</xdr:row>
      <xdr:rowOff>219075</xdr:rowOff>
    </xdr:from>
    <xdr:to>
      <xdr:col>0</xdr:col>
      <xdr:colOff>0</xdr:colOff>
      <xdr:row>12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 flipH="1" flipV="1">
          <a:off x="0" y="5667375"/>
          <a:ext cx="0" cy="78676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med" len="med"/>
        </a:ln>
      </xdr:spPr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indexed="13"/>
    <pageSetUpPr fitToPage="1"/>
  </sheetPr>
  <dimension ref="A1:J40"/>
  <sheetViews>
    <sheetView tabSelected="1" view="pageBreakPreview" zoomScale="80" zoomScaleNormal="80" zoomScaleSheetLayoutView="80" workbookViewId="0">
      <selection activeCell="F21" sqref="F21"/>
    </sheetView>
  </sheetViews>
  <sheetFormatPr defaultColWidth="9" defaultRowHeight="13.2" x14ac:dyDescent="0.2"/>
  <cols>
    <col min="1" max="1" width="3.109375" style="19" customWidth="1"/>
    <col min="2" max="2" width="15.88671875" style="25" customWidth="1"/>
    <col min="3" max="3" width="19.109375" style="22" customWidth="1"/>
    <col min="4" max="4" width="21.6640625" style="22" customWidth="1"/>
    <col min="5" max="5" width="46.77734375" style="23" customWidth="1"/>
    <col min="6" max="6" width="7.33203125" style="3" customWidth="1"/>
    <col min="7" max="7" width="15.6640625" style="2" customWidth="1"/>
    <col min="8" max="16384" width="9" style="4"/>
  </cols>
  <sheetData>
    <row r="1" spans="1:10" ht="33" customHeight="1" x14ac:dyDescent="0.2">
      <c r="A1" s="1" t="s">
        <v>58</v>
      </c>
      <c r="B1" s="42"/>
      <c r="C1" s="42"/>
      <c r="D1" s="42"/>
      <c r="E1" s="42"/>
    </row>
    <row r="2" spans="1:10" s="8" customFormat="1" ht="39.9" customHeight="1" x14ac:dyDescent="0.2">
      <c r="A2" s="27" t="s">
        <v>0</v>
      </c>
      <c r="B2" s="48" t="s">
        <v>1</v>
      </c>
      <c r="C2" s="49"/>
      <c r="D2" s="28" t="s">
        <v>35</v>
      </c>
      <c r="E2" s="28" t="s">
        <v>2</v>
      </c>
      <c r="F2" s="6"/>
      <c r="G2" s="5"/>
      <c r="H2" s="7"/>
    </row>
    <row r="3" spans="1:10" s="8" customFormat="1" ht="39.9" customHeight="1" x14ac:dyDescent="0.2">
      <c r="A3" s="29">
        <v>1</v>
      </c>
      <c r="B3" s="45" t="s">
        <v>67</v>
      </c>
      <c r="C3" s="35" t="s">
        <v>3</v>
      </c>
      <c r="D3" s="38" t="s">
        <v>4</v>
      </c>
      <c r="E3" s="31" t="s">
        <v>71</v>
      </c>
      <c r="F3" s="9"/>
      <c r="G3" s="10"/>
      <c r="H3" s="7"/>
    </row>
    <row r="4" spans="1:10" s="8" customFormat="1" ht="39.9" customHeight="1" x14ac:dyDescent="0.2">
      <c r="A4" s="29">
        <v>2</v>
      </c>
      <c r="B4" s="50"/>
      <c r="C4" s="36" t="s">
        <v>5</v>
      </c>
      <c r="D4" s="39" t="s">
        <v>45</v>
      </c>
      <c r="E4" s="31" t="s">
        <v>59</v>
      </c>
      <c r="F4" s="9"/>
      <c r="G4" s="10"/>
      <c r="H4" s="7"/>
    </row>
    <row r="5" spans="1:10" s="8" customFormat="1" ht="39.9" customHeight="1" x14ac:dyDescent="0.2">
      <c r="A5" s="29">
        <v>3</v>
      </c>
      <c r="B5" s="50"/>
      <c r="C5" s="37" t="s">
        <v>36</v>
      </c>
      <c r="D5" s="39" t="s">
        <v>37</v>
      </c>
      <c r="E5" s="31" t="s">
        <v>38</v>
      </c>
      <c r="F5" s="9"/>
      <c r="G5" s="10"/>
      <c r="H5" s="7"/>
    </row>
    <row r="6" spans="1:10" s="8" customFormat="1" ht="39.9" customHeight="1" x14ac:dyDescent="0.2">
      <c r="A6" s="29">
        <v>4</v>
      </c>
      <c r="B6" s="51" t="s">
        <v>6</v>
      </c>
      <c r="C6" s="34" t="s">
        <v>7</v>
      </c>
      <c r="D6" s="38" t="s">
        <v>60</v>
      </c>
      <c r="E6" s="43" t="s">
        <v>73</v>
      </c>
      <c r="F6" s="11"/>
      <c r="G6" s="12"/>
      <c r="H6" s="7"/>
      <c r="I6" s="13"/>
      <c r="J6" s="9"/>
    </row>
    <row r="7" spans="1:10" s="8" customFormat="1" ht="39.9" customHeight="1" x14ac:dyDescent="0.2">
      <c r="A7" s="29">
        <v>5</v>
      </c>
      <c r="B7" s="52"/>
      <c r="C7" s="32" t="s">
        <v>8</v>
      </c>
      <c r="D7" s="38" t="s">
        <v>54</v>
      </c>
      <c r="E7" s="44" t="s">
        <v>55</v>
      </c>
      <c r="F7" s="9"/>
      <c r="G7" s="10"/>
      <c r="H7" s="7"/>
    </row>
    <row r="8" spans="1:10" s="8" customFormat="1" ht="39.9" customHeight="1" x14ac:dyDescent="0.2">
      <c r="A8" s="29">
        <v>6</v>
      </c>
      <c r="B8" s="52"/>
      <c r="C8" s="32" t="s">
        <v>9</v>
      </c>
      <c r="D8" s="38" t="s">
        <v>10</v>
      </c>
      <c r="E8" s="44" t="s">
        <v>11</v>
      </c>
      <c r="F8" s="14"/>
      <c r="G8" s="10"/>
      <c r="H8" s="7"/>
    </row>
    <row r="9" spans="1:10" s="8" customFormat="1" ht="39.9" customHeight="1" x14ac:dyDescent="0.2">
      <c r="A9" s="29">
        <v>7</v>
      </c>
      <c r="B9" s="52"/>
      <c r="C9" s="32" t="s">
        <v>12</v>
      </c>
      <c r="D9" s="38" t="s">
        <v>56</v>
      </c>
      <c r="E9" s="44" t="s">
        <v>57</v>
      </c>
      <c r="F9" s="9"/>
      <c r="G9" s="10"/>
      <c r="H9" s="7"/>
    </row>
    <row r="10" spans="1:10" s="8" customFormat="1" ht="39.9" customHeight="1" x14ac:dyDescent="0.2">
      <c r="A10" s="29">
        <v>8</v>
      </c>
      <c r="B10" s="53"/>
      <c r="C10" s="32" t="s">
        <v>13</v>
      </c>
      <c r="D10" s="38" t="s">
        <v>51</v>
      </c>
      <c r="E10" s="44" t="s">
        <v>70</v>
      </c>
      <c r="F10" s="14"/>
      <c r="G10" s="10"/>
      <c r="H10" s="7"/>
    </row>
    <row r="11" spans="1:10" s="8" customFormat="1" ht="39.9" customHeight="1" x14ac:dyDescent="0.2">
      <c r="A11" s="29">
        <v>9</v>
      </c>
      <c r="B11" s="53"/>
      <c r="C11" s="32" t="s">
        <v>14</v>
      </c>
      <c r="D11" s="38" t="s">
        <v>50</v>
      </c>
      <c r="E11" s="44" t="s">
        <v>39</v>
      </c>
      <c r="F11" s="9"/>
      <c r="G11" s="10"/>
      <c r="H11" s="7"/>
    </row>
    <row r="12" spans="1:10" s="8" customFormat="1" ht="39.9" customHeight="1" x14ac:dyDescent="0.2">
      <c r="A12" s="29">
        <v>10</v>
      </c>
      <c r="B12" s="53"/>
      <c r="C12" s="32" t="s">
        <v>15</v>
      </c>
      <c r="D12" s="38" t="s">
        <v>16</v>
      </c>
      <c r="E12" s="44" t="s">
        <v>48</v>
      </c>
      <c r="F12" s="9"/>
      <c r="G12" s="10"/>
      <c r="H12" s="13"/>
    </row>
    <row r="13" spans="1:10" s="8" customFormat="1" ht="39.9" customHeight="1" x14ac:dyDescent="0.2">
      <c r="A13" s="29">
        <v>11</v>
      </c>
      <c r="B13" s="51" t="s">
        <v>17</v>
      </c>
      <c r="C13" s="33" t="s">
        <v>18</v>
      </c>
      <c r="D13" s="38" t="s">
        <v>61</v>
      </c>
      <c r="E13" s="31" t="s">
        <v>62</v>
      </c>
      <c r="F13" s="15"/>
      <c r="G13" s="10"/>
      <c r="H13" s="7"/>
    </row>
    <row r="14" spans="1:10" s="8" customFormat="1" ht="39.9" customHeight="1" x14ac:dyDescent="0.2">
      <c r="A14" s="29">
        <v>12</v>
      </c>
      <c r="B14" s="53"/>
      <c r="C14" s="30" t="s">
        <v>19</v>
      </c>
      <c r="D14" s="38" t="s">
        <v>63</v>
      </c>
      <c r="E14" s="31" t="s">
        <v>64</v>
      </c>
      <c r="F14" s="14"/>
      <c r="G14" s="10"/>
      <c r="H14" s="7"/>
    </row>
    <row r="15" spans="1:10" s="8" customFormat="1" ht="39.9" customHeight="1" x14ac:dyDescent="0.2">
      <c r="A15" s="29">
        <v>13</v>
      </c>
      <c r="B15" s="53"/>
      <c r="C15" s="32" t="s">
        <v>20</v>
      </c>
      <c r="D15" s="38" t="s">
        <v>65</v>
      </c>
      <c r="E15" s="31" t="s">
        <v>66</v>
      </c>
      <c r="F15" s="14"/>
      <c r="G15" s="10"/>
      <c r="H15" s="7"/>
    </row>
    <row r="16" spans="1:10" s="8" customFormat="1" ht="39.9" customHeight="1" x14ac:dyDescent="0.2">
      <c r="A16" s="29">
        <v>14</v>
      </c>
      <c r="B16" s="51" t="s">
        <v>21</v>
      </c>
      <c r="C16" s="55" t="s">
        <v>22</v>
      </c>
      <c r="D16" s="38" t="s">
        <v>72</v>
      </c>
      <c r="E16" s="44" t="s">
        <v>23</v>
      </c>
      <c r="F16" s="14"/>
      <c r="G16" s="10"/>
      <c r="H16" s="7"/>
    </row>
    <row r="17" spans="1:9" s="8" customFormat="1" ht="39.9" customHeight="1" x14ac:dyDescent="0.2">
      <c r="A17" s="29">
        <v>15</v>
      </c>
      <c r="B17" s="50"/>
      <c r="C17" s="56"/>
      <c r="D17" s="38" t="s">
        <v>75</v>
      </c>
      <c r="E17" s="31" t="s">
        <v>74</v>
      </c>
      <c r="F17" s="14"/>
      <c r="G17" s="10"/>
      <c r="H17" s="7"/>
    </row>
    <row r="18" spans="1:9" s="8" customFormat="1" ht="39.9" customHeight="1" x14ac:dyDescent="0.2">
      <c r="A18" s="29">
        <v>16</v>
      </c>
      <c r="B18" s="50"/>
      <c r="C18" s="32" t="s">
        <v>24</v>
      </c>
      <c r="D18" s="38" t="s">
        <v>43</v>
      </c>
      <c r="E18" s="31" t="s">
        <v>25</v>
      </c>
      <c r="F18" s="9"/>
      <c r="G18" s="10"/>
      <c r="H18" s="7"/>
    </row>
    <row r="19" spans="1:9" s="8" customFormat="1" ht="39.9" customHeight="1" x14ac:dyDescent="0.2">
      <c r="A19" s="29">
        <v>17</v>
      </c>
      <c r="B19" s="50"/>
      <c r="C19" s="32" t="s">
        <v>26</v>
      </c>
      <c r="D19" s="38" t="s">
        <v>44</v>
      </c>
      <c r="E19" s="31" t="s">
        <v>49</v>
      </c>
      <c r="F19" s="14"/>
      <c r="G19" s="10"/>
      <c r="H19" s="7"/>
    </row>
    <row r="20" spans="1:9" s="8" customFormat="1" ht="39.9" customHeight="1" x14ac:dyDescent="0.2">
      <c r="A20" s="29">
        <v>18</v>
      </c>
      <c r="B20" s="50"/>
      <c r="C20" s="33" t="s">
        <v>27</v>
      </c>
      <c r="D20" s="38" t="s">
        <v>28</v>
      </c>
      <c r="E20" s="31" t="s">
        <v>29</v>
      </c>
      <c r="F20" s="16"/>
      <c r="G20" s="17"/>
      <c r="H20" s="7"/>
    </row>
    <row r="21" spans="1:9" s="8" customFormat="1" ht="39.9" customHeight="1" x14ac:dyDescent="0.2">
      <c r="A21" s="29">
        <v>19</v>
      </c>
      <c r="B21" s="50"/>
      <c r="C21" s="32" t="s">
        <v>30</v>
      </c>
      <c r="D21" s="38" t="s">
        <v>42</v>
      </c>
      <c r="E21" s="31" t="s">
        <v>68</v>
      </c>
      <c r="F21" s="14"/>
      <c r="G21" s="10"/>
      <c r="H21" s="7"/>
    </row>
    <row r="22" spans="1:9" s="8" customFormat="1" ht="39.9" customHeight="1" x14ac:dyDescent="0.2">
      <c r="A22" s="29">
        <v>20</v>
      </c>
      <c r="B22" s="50"/>
      <c r="C22" s="32" t="s">
        <v>31</v>
      </c>
      <c r="D22" s="38" t="s">
        <v>52</v>
      </c>
      <c r="E22" s="31" t="s">
        <v>69</v>
      </c>
      <c r="F22" s="9"/>
      <c r="G22" s="10"/>
      <c r="H22" s="7"/>
    </row>
    <row r="23" spans="1:9" s="8" customFormat="1" ht="39.9" customHeight="1" x14ac:dyDescent="0.2">
      <c r="A23" s="29">
        <v>21</v>
      </c>
      <c r="B23" s="54"/>
      <c r="C23" s="32" t="s">
        <v>41</v>
      </c>
      <c r="D23" s="38" t="s">
        <v>53</v>
      </c>
      <c r="E23" s="31" t="s">
        <v>40</v>
      </c>
      <c r="F23" s="9"/>
      <c r="G23" s="10"/>
      <c r="H23" s="7"/>
    </row>
    <row r="24" spans="1:9" s="8" customFormat="1" ht="39.9" customHeight="1" x14ac:dyDescent="0.2">
      <c r="A24" s="29">
        <v>22</v>
      </c>
      <c r="B24" s="45" t="s">
        <v>32</v>
      </c>
      <c r="C24" s="34" t="s">
        <v>33</v>
      </c>
      <c r="D24" s="40" t="s">
        <v>46</v>
      </c>
      <c r="E24" s="41" t="s">
        <v>34</v>
      </c>
      <c r="F24" s="18"/>
      <c r="G24" s="10"/>
      <c r="H24" s="7"/>
    </row>
    <row r="25" spans="1:9" s="8" customFormat="1" ht="39.9" customHeight="1" x14ac:dyDescent="0.2">
      <c r="A25" s="29">
        <v>23</v>
      </c>
      <c r="B25" s="46"/>
      <c r="C25" s="34" t="s">
        <v>33</v>
      </c>
      <c r="D25" s="38" t="s">
        <v>47</v>
      </c>
      <c r="E25" s="27" t="s">
        <v>34</v>
      </c>
      <c r="F25" s="18"/>
      <c r="G25" s="10"/>
      <c r="H25" s="7"/>
    </row>
    <row r="26" spans="1:9" ht="10.5" customHeight="1" x14ac:dyDescent="0.2">
      <c r="B26" s="20"/>
      <c r="C26" s="21"/>
      <c r="F26" s="24"/>
    </row>
    <row r="27" spans="1:9" s="3" customFormat="1" ht="41.25" customHeight="1" x14ac:dyDescent="0.2">
      <c r="A27" s="26"/>
      <c r="B27" s="47"/>
      <c r="C27" s="47"/>
      <c r="D27" s="47"/>
      <c r="E27" s="47"/>
      <c r="G27" s="2"/>
      <c r="H27" s="4"/>
      <c r="I27" s="4"/>
    </row>
    <row r="28" spans="1:9" s="3" customFormat="1" ht="25.5" customHeight="1" x14ac:dyDescent="0.2">
      <c r="A28" s="19"/>
      <c r="B28" s="25"/>
      <c r="C28" s="22"/>
      <c r="D28" s="22"/>
      <c r="E28" s="23"/>
      <c r="G28" s="2"/>
      <c r="H28" s="4"/>
      <c r="I28" s="4"/>
    </row>
    <row r="29" spans="1:9" s="3" customFormat="1" ht="20.100000000000001" customHeight="1" x14ac:dyDescent="0.2">
      <c r="A29" s="19"/>
      <c r="B29" s="25"/>
      <c r="C29" s="22"/>
      <c r="D29" s="22"/>
      <c r="E29" s="23"/>
      <c r="G29" s="2"/>
      <c r="H29" s="4"/>
      <c r="I29" s="4"/>
    </row>
    <row r="30" spans="1:9" s="3" customFormat="1" ht="20.100000000000001" customHeight="1" x14ac:dyDescent="0.2">
      <c r="A30" s="19"/>
      <c r="B30" s="25"/>
      <c r="C30" s="22"/>
      <c r="D30" s="22"/>
      <c r="E30" s="23"/>
      <c r="G30" s="2"/>
      <c r="H30" s="4"/>
      <c r="I30" s="4"/>
    </row>
    <row r="31" spans="1:9" s="3" customFormat="1" ht="20.100000000000001" customHeight="1" x14ac:dyDescent="0.2">
      <c r="A31" s="19"/>
      <c r="B31" s="25"/>
      <c r="C31" s="22"/>
      <c r="D31" s="22"/>
      <c r="E31" s="23"/>
      <c r="G31" s="2"/>
      <c r="H31" s="4"/>
      <c r="I31" s="4"/>
    </row>
    <row r="32" spans="1:9" s="3" customFormat="1" ht="20.100000000000001" customHeight="1" x14ac:dyDescent="0.2">
      <c r="A32" s="19"/>
      <c r="B32" s="25"/>
      <c r="C32" s="22"/>
      <c r="D32" s="22"/>
      <c r="E32" s="23"/>
      <c r="G32" s="2"/>
      <c r="H32" s="4"/>
      <c r="I32" s="4"/>
    </row>
    <row r="33" spans="1:9" s="3" customFormat="1" ht="20.100000000000001" customHeight="1" x14ac:dyDescent="0.2">
      <c r="A33" s="19"/>
      <c r="B33" s="25"/>
      <c r="C33" s="22"/>
      <c r="D33" s="22"/>
      <c r="E33" s="23"/>
      <c r="G33" s="2"/>
      <c r="H33" s="4"/>
      <c r="I33" s="4"/>
    </row>
    <row r="34" spans="1:9" s="3" customFormat="1" ht="20.100000000000001" customHeight="1" x14ac:dyDescent="0.2">
      <c r="A34" s="19"/>
      <c r="B34" s="25"/>
      <c r="C34" s="22"/>
      <c r="D34" s="22"/>
      <c r="E34" s="23"/>
      <c r="G34" s="2"/>
      <c r="H34" s="4"/>
      <c r="I34" s="4"/>
    </row>
    <row r="35" spans="1:9" s="3" customFormat="1" ht="20.100000000000001" customHeight="1" x14ac:dyDescent="0.2">
      <c r="A35" s="19"/>
      <c r="B35" s="25"/>
      <c r="C35" s="22"/>
      <c r="D35" s="22"/>
      <c r="E35" s="23"/>
      <c r="G35" s="2"/>
      <c r="H35" s="4"/>
      <c r="I35" s="4"/>
    </row>
    <row r="36" spans="1:9" s="3" customFormat="1" ht="20.100000000000001" customHeight="1" x14ac:dyDescent="0.2">
      <c r="A36" s="19"/>
      <c r="B36" s="25"/>
      <c r="C36" s="22"/>
      <c r="D36" s="22"/>
      <c r="E36" s="23"/>
      <c r="G36" s="2"/>
      <c r="H36" s="4"/>
      <c r="I36" s="4"/>
    </row>
    <row r="37" spans="1:9" s="3" customFormat="1" ht="20.100000000000001" customHeight="1" x14ac:dyDescent="0.2">
      <c r="A37" s="19"/>
      <c r="B37" s="25"/>
      <c r="C37" s="22"/>
      <c r="D37" s="22"/>
      <c r="E37" s="23"/>
      <c r="G37" s="2"/>
      <c r="H37" s="4"/>
      <c r="I37" s="4"/>
    </row>
    <row r="38" spans="1:9" s="3" customFormat="1" ht="20.100000000000001" customHeight="1" x14ac:dyDescent="0.2">
      <c r="A38" s="19"/>
      <c r="B38" s="25"/>
      <c r="C38" s="22"/>
      <c r="D38" s="22"/>
      <c r="E38" s="23"/>
      <c r="G38" s="2"/>
      <c r="H38" s="4"/>
      <c r="I38" s="4"/>
    </row>
    <row r="39" spans="1:9" s="19" customFormat="1" ht="20.100000000000001" customHeight="1" x14ac:dyDescent="0.2">
      <c r="B39" s="25"/>
      <c r="C39" s="22"/>
      <c r="D39" s="22"/>
      <c r="E39" s="23"/>
      <c r="F39" s="3"/>
      <c r="G39" s="2"/>
      <c r="H39" s="4"/>
      <c r="I39" s="4"/>
    </row>
    <row r="40" spans="1:9" s="19" customFormat="1" ht="20.100000000000001" customHeight="1" x14ac:dyDescent="0.2">
      <c r="B40" s="25"/>
      <c r="C40" s="22"/>
      <c r="D40" s="22"/>
      <c r="E40" s="23"/>
      <c r="F40" s="3"/>
      <c r="G40" s="2"/>
      <c r="H40" s="4"/>
      <c r="I40" s="4"/>
    </row>
  </sheetData>
  <mergeCells count="8">
    <mergeCell ref="B24:B25"/>
    <mergeCell ref="B27:E27"/>
    <mergeCell ref="B2:C2"/>
    <mergeCell ref="B3:B5"/>
    <mergeCell ref="B6:B12"/>
    <mergeCell ref="B13:B15"/>
    <mergeCell ref="B16:B23"/>
    <mergeCell ref="C16:C17"/>
  </mergeCells>
  <phoneticPr fontId="4"/>
  <printOptions horizontalCentered="1"/>
  <pageMargins left="0.6692913385826772" right="0.47244094488188981" top="0.62992125984251968" bottom="0.11811023622047245" header="0.43307086614173229" footer="0.19685039370078741"/>
  <pageSetup paperSize="9" scale="84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七期委員候補者（氏名あり）</vt:lpstr>
      <vt:lpstr>'第七期委員候補者（氏名あり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8-28T00:06:55Z</cp:lastPrinted>
  <dcterms:created xsi:type="dcterms:W3CDTF">2015-03-23T10:53:31Z</dcterms:created>
  <dcterms:modified xsi:type="dcterms:W3CDTF">2025-11-10T04:28:43Z</dcterms:modified>
</cp:coreProperties>
</file>